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562" autoAdjust="0"/>
  </p:normalViewPr>
  <p:slideViewPr>
    <p:cSldViewPr snapToGrid="0">
      <p:cViewPr>
        <p:scale>
          <a:sx n="66" d="100"/>
          <a:sy n="66" d="100"/>
        </p:scale>
        <p:origin x="2328" y="64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katw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33EA04F3-AF10-B6F4-3335-FCE75A02216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3819" y="4790375"/>
            <a:ext cx="2972523" cy="189052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39D40110-F396-AE04-8FF9-E75EE151258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2160" y="3971454"/>
            <a:ext cx="2130695" cy="135512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3-01T11:07:12Z</dcterms:modified>
</cp:coreProperties>
</file>